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dans le formulaire peut permettre à l'utilisateur qui saisit les données de savoir plus facilement à quoi le champ fait référence. Après le nom dans le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ollect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ollecte des données de suivi,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consultations prénatales,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décimales.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ll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